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claudia.teodorescu\Desktop\date deschise propuneri\seturi de date\s4\"/>
    </mc:Choice>
  </mc:AlternateContent>
  <bookViews>
    <workbookView xWindow="0" yWindow="0" windowWidth="28800" windowHeight="12435"/>
  </bookViews>
  <sheets>
    <sheet name="PERSONAL_DIDACTIC_TITULAR" sheetId="1" r:id="rId1"/>
  </sheets>
  <externalReferences>
    <externalReference r:id="rId2"/>
  </externalReferences>
  <definedNames>
    <definedName name="capaci">#REF!</definedName>
    <definedName name="frecv">#REF!</definedName>
    <definedName name="titlu" comment="1-titlu didactic">#REF!</definedName>
    <definedName name="Toate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9" uniqueCount="93">
  <si>
    <t>Universitatea "Romano-Germana" din Sibiu</t>
  </si>
  <si>
    <t>univ. particulare</t>
  </si>
  <si>
    <t>Institutul Teologic Baptist din Bucuresti</t>
  </si>
  <si>
    <t>Universitatea "Hyperion" din Bucuresti</t>
  </si>
  <si>
    <t>Universitatea Crestina "Dimitrie Cantemir" din Bucuresti</t>
  </si>
  <si>
    <t>Universitatea Titu Maiorescu din Bucuresti</t>
  </si>
  <si>
    <t>Universitatea "Artifex" din Bucuresti</t>
  </si>
  <si>
    <t>Universitatea "Athenaeum" din Bucuresti</t>
  </si>
  <si>
    <t>Universitatea "Bogdan Voda" din Cluj-Napoca</t>
  </si>
  <si>
    <t>Universitatea "Constantin Brancoveanu" din Pitesti</t>
  </si>
  <si>
    <t>Universitatea "Adventus" din Cernica</t>
  </si>
  <si>
    <t>Universitatea Romano-Americana din Bucuresti</t>
  </si>
  <si>
    <t>Universitatea "Emanuel" din Oradea</t>
  </si>
  <si>
    <t>Universitatea "Apollonia" din Iasi</t>
  </si>
  <si>
    <t>Universitatea Agora din Municipiul Oradea</t>
  </si>
  <si>
    <t>Universitatea "Sapientia" din Cluj-Napoca</t>
  </si>
  <si>
    <t>Institutul Teologic Protestant din Cluj-Napoca</t>
  </si>
  <si>
    <t>Institutul de Administrare a Afacerilor din Bucuresti</t>
  </si>
  <si>
    <t>Universitatea "Petre Andrei" din Iasi</t>
  </si>
  <si>
    <t>Universitatea Crestina Partium din Oradea</t>
  </si>
  <si>
    <t>Institutul Teologic Penticostal din Bucuresti</t>
  </si>
  <si>
    <t>Universitatea "Dimitrie Cantemir" din Targu Mures</t>
  </si>
  <si>
    <t>Universitatea Europeana "Dragan" din Lugoj</t>
  </si>
  <si>
    <t>Universitatea "Danubius" din Galati</t>
  </si>
  <si>
    <t>Universitatea "George Bacovia" din Bacau</t>
  </si>
  <si>
    <t>Universitatea Ecologica din Bucuresti</t>
  </si>
  <si>
    <t>Universitatea "Bioterra" din Bucuresti</t>
  </si>
  <si>
    <t>Universitatea Spiru Haret din Bucuresti</t>
  </si>
  <si>
    <t>Universitatea "Nicolae Titulescu" din Bucuresti</t>
  </si>
  <si>
    <t>Academia Fortelor Terestre "Nicolae Balcescu" din Sibiu</t>
  </si>
  <si>
    <t>univ. militare</t>
  </si>
  <si>
    <t>Academia Navala "Mircea Cel Batran" din Constanta</t>
  </si>
  <si>
    <t>Academia Fortelor Aeriene "Henri Coanda" din Brasov</t>
  </si>
  <si>
    <t>Academia de Politie "Alexandru Ioan Cuza" din Bucuresti</t>
  </si>
  <si>
    <t>Universitatea Nationala de Aparare "Carol I" din Bucuresti</t>
  </si>
  <si>
    <t>Academia Tehnica Militara din Bucuresti</t>
  </si>
  <si>
    <t>Universitatea de Medicina si Farmacie "Victor Babes" din Timisoara</t>
  </si>
  <si>
    <t>univ. de stat</t>
  </si>
  <si>
    <t>Universitatea de Vest din Timisoara</t>
  </si>
  <si>
    <t>Universitatea de Stiinte Agricole si Medicina Veterinara a Banatului din Timisoara</t>
  </si>
  <si>
    <t>Universitatea "Politehnica" din Timisoara</t>
  </si>
  <si>
    <t>Universitatea de Arte din Targu Mures</t>
  </si>
  <si>
    <t>Universitatea de Medicină, Farmacie, Științe și Tehnologie din Tîrgu Mureș</t>
  </si>
  <si>
    <t>Universitatea "Constantin Brancusi" din Targu Jiu</t>
  </si>
  <si>
    <t>Universitatea "Valahia" din Targoviste</t>
  </si>
  <si>
    <t>Universitatea "Stefan Cel Mare" din Suceava</t>
  </si>
  <si>
    <t>Universitatea "Lucian Blaga" din Sibiu</t>
  </si>
  <si>
    <t>Universitatea "Eftimie Murgu" din Resita</t>
  </si>
  <si>
    <t>Universitatea "Petrol-Gaze" din Ploiesti</t>
  </si>
  <si>
    <t>Universitatea din Pitesti</t>
  </si>
  <si>
    <t>Universitatea din Petrosani</t>
  </si>
  <si>
    <t>Universitatea din Oradea</t>
  </si>
  <si>
    <t>Universitatea Nationala de Arte "George Enescu" Iasi</t>
  </si>
  <si>
    <t>UNIVERSITATEA DE MEDICINA SI FARMACIE "GRIGORE T. POPA" DIN IAŞI</t>
  </si>
  <si>
    <t>Universitatea "Alexandru Ioan Cuza" din Iasi</t>
  </si>
  <si>
    <t>Universitatea de Stiinte Agricole si Medicina Veterinara "Ion Ionescu de la Brad" din Iasi</t>
  </si>
  <si>
    <t>Universitatea Tehnica "Gheorghe Asachi" din Iasi</t>
  </si>
  <si>
    <t>Universitatea "Dunarea de Jos" din Galati</t>
  </si>
  <si>
    <t>Universitatea de Medicina si Farmacie din Craiova</t>
  </si>
  <si>
    <t>Universitatea din Craiova</t>
  </si>
  <si>
    <t>Universitatea Maritima din Constanta</t>
  </si>
  <si>
    <t>Universitatea "Ovidius" din Constanta</t>
  </si>
  <si>
    <t>Universitatea de Arta si Design din Cluj-Napoca</t>
  </si>
  <si>
    <t>Academia de Muzica "Gheorghe Dima" din Cluj-Napoca</t>
  </si>
  <si>
    <t>Universitatea de Medicina si Farmacie "Iuliu Hatieganu" din Cluj-Napoca</t>
  </si>
  <si>
    <t>Universitatea "Babes-Bolyai" din Cluj-Napoca</t>
  </si>
  <si>
    <t>Universitatea de Stiinte Agricole si Medicina Veterinara din Cluj-Napoca</t>
  </si>
  <si>
    <t>Universitatea Tehnica din Cluj-Napoca</t>
  </si>
  <si>
    <t>Universitatea "Transilvania" din Brasov</t>
  </si>
  <si>
    <t>Universitatea "Vasile Alecsandri" din Bacau</t>
  </si>
  <si>
    <t>Universitatea "Aurel Vlaicu" din Arad</t>
  </si>
  <si>
    <t>Universitatea "1 Decembrie 1918" din Alba Iulia</t>
  </si>
  <si>
    <t>Scoala Nationala de Studii Politice si Administrative din Bucuresti</t>
  </si>
  <si>
    <t>Universitatea Nationala de Educatie Fizica si Sport din Bucuresti</t>
  </si>
  <si>
    <t>Universitatea Nationala de Arta Teatrala si Cinematografica "I. L. Caragiale" din Bucuresti</t>
  </si>
  <si>
    <t>Universitatea Nationala de Arte din Bucuresti</t>
  </si>
  <si>
    <t>Universitatea Nationala de Muzica din Bucuresti</t>
  </si>
  <si>
    <t>Academia de Studii Economice din Bucuresti</t>
  </si>
  <si>
    <t>Universitatea de Medicina si Farmacie "Carol Davila" din Bucuresti</t>
  </si>
  <si>
    <t>Universitatea din Bucuresti</t>
  </si>
  <si>
    <t>Universitatea de Stiinte Agronomice si Medicina Veterinara din Bucuresti</t>
  </si>
  <si>
    <t>Universitatea de Arhitectura si Urbanism "Ion Mincu" din Bucuresti</t>
  </si>
  <si>
    <t>Universitatea Tehnica de Constructii Bucuresti</t>
  </si>
  <si>
    <t>Universitatea Politehnica din Bucuresti</t>
  </si>
  <si>
    <t>Total general</t>
  </si>
  <si>
    <t>asistent</t>
  </si>
  <si>
    <t>lector / S.I.</t>
  </si>
  <si>
    <t>conferențiar</t>
  </si>
  <si>
    <t>profesor</t>
  </si>
  <si>
    <t>Universitate</t>
  </si>
  <si>
    <t>CATEGORII UNIV.</t>
  </si>
  <si>
    <t>TOATE UNIV,</t>
  </si>
  <si>
    <t>personal didactic titular (cu funcția de bază în universitat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2"/>
      <color theme="1"/>
      <name val="Times New Roman"/>
      <family val="2"/>
      <charset val="238"/>
    </font>
    <font>
      <b/>
      <sz val="12"/>
      <color theme="1"/>
      <name val="Times New Roman"/>
      <family val="1"/>
    </font>
    <font>
      <sz val="14"/>
      <color theme="1"/>
      <name val="Times New Roman"/>
      <family val="2"/>
      <charset val="23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14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3" fontId="0" fillId="0" borderId="0" xfId="0" applyNumberFormat="1" applyAlignment="1">
      <alignment vertical="center"/>
    </xf>
    <xf numFmtId="3" fontId="0" fillId="0" borderId="1" xfId="0" applyNumberFormat="1" applyBorder="1" applyAlignment="1">
      <alignment horizontal="center" vertical="center"/>
    </xf>
    <xf numFmtId="3" fontId="0" fillId="0" borderId="1" xfId="0" applyNumberFormat="1" applyBorder="1" applyAlignment="1">
      <alignment vertical="center"/>
    </xf>
    <xf numFmtId="0" fontId="1" fillId="2" borderId="0" xfId="0" applyFont="1" applyFill="1" applyAlignment="1">
      <alignment wrapText="1"/>
    </xf>
    <xf numFmtId="3" fontId="1" fillId="2" borderId="1" xfId="0" applyNumberFormat="1" applyFont="1" applyFill="1" applyBorder="1" applyAlignment="1">
      <alignment horizontal="center" vertical="center" wrapText="1"/>
    </xf>
    <xf numFmtId="3" fontId="1" fillId="2" borderId="1" xfId="0" applyNumberFormat="1" applyFont="1" applyFill="1" applyBorder="1" applyAlignment="1">
      <alignment vertical="center" wrapText="1"/>
    </xf>
    <xf numFmtId="0" fontId="1" fillId="0" borderId="0" xfId="0" applyFont="1"/>
    <xf numFmtId="3" fontId="1" fillId="0" borderId="1" xfId="0" applyNumberFormat="1" applyFont="1" applyBorder="1" applyAlignment="1">
      <alignment horizontal="center" vertical="center"/>
    </xf>
    <xf numFmtId="3" fontId="1" fillId="0" borderId="1" xfId="0" applyNumberFormat="1" applyFont="1" applyBorder="1" applyAlignment="1">
      <alignment vertical="center"/>
    </xf>
    <xf numFmtId="3" fontId="2" fillId="0" borderId="2" xfId="0" applyNumberFormat="1" applyFont="1" applyBorder="1" applyAlignment="1">
      <alignment horizontal="center" vertical="center" wrapText="1"/>
    </xf>
    <xf numFmtId="3" fontId="2" fillId="0" borderId="3" xfId="0" applyNumberFormat="1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Copy%20of%20personal_didactic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sonal_didactic_peste_65ani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716"/>
  <sheetViews>
    <sheetView tabSelected="1" workbookViewId="0">
      <selection activeCell="J21" sqref="J21"/>
    </sheetView>
  </sheetViews>
  <sheetFormatPr defaultRowHeight="15.75" x14ac:dyDescent="0.25"/>
  <cols>
    <col min="1" max="1" width="18.75" style="2" customWidth="1"/>
    <col min="2" max="2" width="25.625" style="2" customWidth="1"/>
    <col min="3" max="7" width="14" style="1" customWidth="1"/>
  </cols>
  <sheetData>
    <row r="1" spans="1:7" ht="54" customHeight="1" x14ac:dyDescent="0.25">
      <c r="A1" s="13" t="s">
        <v>92</v>
      </c>
      <c r="B1" s="12"/>
      <c r="C1" s="7" t="s">
        <v>88</v>
      </c>
      <c r="D1" s="7" t="s">
        <v>87</v>
      </c>
      <c r="E1" s="7" t="s">
        <v>86</v>
      </c>
      <c r="F1" s="7" t="s">
        <v>85</v>
      </c>
      <c r="G1" s="7" t="s">
        <v>84</v>
      </c>
    </row>
    <row r="2" spans="1:7" s="9" customFormat="1" x14ac:dyDescent="0.25">
      <c r="A2" s="11" t="s">
        <v>91</v>
      </c>
      <c r="B2" s="10">
        <v>81</v>
      </c>
      <c r="C2" s="10">
        <v>4381</v>
      </c>
      <c r="D2" s="10">
        <v>6507</v>
      </c>
      <c r="E2" s="10">
        <v>9678</v>
      </c>
      <c r="F2" s="10">
        <v>3063</v>
      </c>
      <c r="G2" s="10">
        <v>23629</v>
      </c>
    </row>
    <row r="3" spans="1:7" x14ac:dyDescent="0.25">
      <c r="A3" s="5" t="s">
        <v>37</v>
      </c>
      <c r="B3" s="4">
        <v>47</v>
      </c>
      <c r="C3" s="4">
        <v>4028</v>
      </c>
      <c r="D3" s="4">
        <v>5746</v>
      </c>
      <c r="E3" s="4">
        <v>8658</v>
      </c>
      <c r="F3" s="4">
        <v>2925</v>
      </c>
      <c r="G3" s="4">
        <v>21357</v>
      </c>
    </row>
    <row r="4" spans="1:7" x14ac:dyDescent="0.25">
      <c r="A4" s="5" t="s">
        <v>30</v>
      </c>
      <c r="B4" s="4">
        <v>6</v>
      </c>
      <c r="C4" s="4">
        <v>70</v>
      </c>
      <c r="D4" s="4">
        <v>153</v>
      </c>
      <c r="E4" s="4">
        <v>151</v>
      </c>
      <c r="F4" s="4">
        <v>17</v>
      </c>
      <c r="G4" s="4">
        <v>391</v>
      </c>
    </row>
    <row r="5" spans="1:7" x14ac:dyDescent="0.25">
      <c r="A5" s="5" t="s">
        <v>1</v>
      </c>
      <c r="B5" s="4">
        <v>28</v>
      </c>
      <c r="C5" s="4">
        <v>283</v>
      </c>
      <c r="D5" s="4">
        <v>608</v>
      </c>
      <c r="E5" s="4">
        <v>869</v>
      </c>
      <c r="F5" s="4">
        <v>121</v>
      </c>
      <c r="G5" s="4">
        <v>1881</v>
      </c>
    </row>
    <row r="6" spans="1:7" x14ac:dyDescent="0.25">
      <c r="A6" s="3"/>
    </row>
    <row r="7" spans="1:7" s="6" customFormat="1" x14ac:dyDescent="0.25">
      <c r="A7" s="8" t="s">
        <v>90</v>
      </c>
      <c r="B7" s="8" t="s">
        <v>89</v>
      </c>
      <c r="C7" s="7" t="s">
        <v>88</v>
      </c>
      <c r="D7" s="7" t="s">
        <v>87</v>
      </c>
      <c r="E7" s="7" t="s">
        <v>86</v>
      </c>
      <c r="F7" s="7" t="s">
        <v>85</v>
      </c>
      <c r="G7" s="7" t="s">
        <v>84</v>
      </c>
    </row>
    <row r="8" spans="1:7" x14ac:dyDescent="0.25">
      <c r="A8" s="5" t="s">
        <v>37</v>
      </c>
      <c r="B8" s="5" t="s">
        <v>83</v>
      </c>
      <c r="C8" s="4">
        <v>324</v>
      </c>
      <c r="D8" s="4">
        <v>313</v>
      </c>
      <c r="E8" s="4">
        <v>448</v>
      </c>
      <c r="F8" s="4">
        <v>43</v>
      </c>
      <c r="G8" s="4">
        <v>1128</v>
      </c>
    </row>
    <row r="9" spans="1:7" x14ac:dyDescent="0.25">
      <c r="A9" s="5" t="s">
        <v>37</v>
      </c>
      <c r="B9" s="5" t="s">
        <v>82</v>
      </c>
      <c r="C9" s="4">
        <v>41</v>
      </c>
      <c r="D9" s="4">
        <v>84</v>
      </c>
      <c r="E9" s="4">
        <v>163</v>
      </c>
      <c r="F9" s="4">
        <v>38</v>
      </c>
      <c r="G9" s="4">
        <v>326</v>
      </c>
    </row>
    <row r="10" spans="1:7" x14ac:dyDescent="0.25">
      <c r="A10" s="5" t="s">
        <v>37</v>
      </c>
      <c r="B10" s="5" t="s">
        <v>81</v>
      </c>
      <c r="C10" s="4">
        <v>32</v>
      </c>
      <c r="D10" s="4">
        <v>59</v>
      </c>
      <c r="E10" s="4">
        <v>85</v>
      </c>
      <c r="F10" s="4">
        <v>67</v>
      </c>
      <c r="G10" s="4">
        <v>243</v>
      </c>
    </row>
    <row r="11" spans="1:7" x14ac:dyDescent="0.25">
      <c r="A11" s="5" t="s">
        <v>37</v>
      </c>
      <c r="B11" s="5" t="s">
        <v>80</v>
      </c>
      <c r="C11" s="4">
        <v>77</v>
      </c>
      <c r="D11" s="4">
        <v>94</v>
      </c>
      <c r="E11" s="4">
        <v>164</v>
      </c>
      <c r="F11" s="4">
        <v>18</v>
      </c>
      <c r="G11" s="4">
        <v>353</v>
      </c>
    </row>
    <row r="12" spans="1:7" x14ac:dyDescent="0.25">
      <c r="A12" s="5" t="s">
        <v>37</v>
      </c>
      <c r="B12" s="5" t="s">
        <v>79</v>
      </c>
      <c r="C12" s="4">
        <v>251</v>
      </c>
      <c r="D12" s="4">
        <v>337</v>
      </c>
      <c r="E12" s="4">
        <v>486</v>
      </c>
      <c r="F12" s="4">
        <v>143</v>
      </c>
      <c r="G12" s="4">
        <v>1217</v>
      </c>
    </row>
    <row r="13" spans="1:7" x14ac:dyDescent="0.25">
      <c r="A13" s="5" t="s">
        <v>37</v>
      </c>
      <c r="B13" s="5" t="s">
        <v>78</v>
      </c>
      <c r="C13" s="4">
        <v>205</v>
      </c>
      <c r="D13" s="4">
        <v>227</v>
      </c>
      <c r="E13" s="4">
        <v>481</v>
      </c>
      <c r="F13" s="4">
        <v>641</v>
      </c>
      <c r="G13" s="4">
        <v>1554</v>
      </c>
    </row>
    <row r="14" spans="1:7" x14ac:dyDescent="0.25">
      <c r="A14" s="5" t="s">
        <v>37</v>
      </c>
      <c r="B14" s="5" t="s">
        <v>77</v>
      </c>
      <c r="C14" s="4">
        <v>243</v>
      </c>
      <c r="D14" s="4">
        <v>256</v>
      </c>
      <c r="E14" s="4">
        <v>185</v>
      </c>
      <c r="F14" s="4">
        <v>76</v>
      </c>
      <c r="G14" s="4">
        <v>760</v>
      </c>
    </row>
    <row r="15" spans="1:7" x14ac:dyDescent="0.25">
      <c r="A15" s="5" t="s">
        <v>37</v>
      </c>
      <c r="B15" s="5" t="s">
        <v>76</v>
      </c>
      <c r="C15" s="4">
        <v>22</v>
      </c>
      <c r="D15" s="4">
        <v>46</v>
      </c>
      <c r="E15" s="4">
        <v>30</v>
      </c>
      <c r="F15" s="4">
        <v>7</v>
      </c>
      <c r="G15" s="4">
        <v>105</v>
      </c>
    </row>
    <row r="16" spans="1:7" x14ac:dyDescent="0.25">
      <c r="A16" s="5" t="s">
        <v>37</v>
      </c>
      <c r="B16" s="5" t="s">
        <v>75</v>
      </c>
      <c r="C16" s="4">
        <v>19</v>
      </c>
      <c r="D16" s="4">
        <v>19</v>
      </c>
      <c r="E16" s="4">
        <v>58</v>
      </c>
      <c r="F16" s="4">
        <v>20</v>
      </c>
      <c r="G16" s="4">
        <v>116</v>
      </c>
    </row>
    <row r="17" spans="1:7" x14ac:dyDescent="0.25">
      <c r="A17" s="5" t="s">
        <v>37</v>
      </c>
      <c r="B17" s="5" t="s">
        <v>74</v>
      </c>
      <c r="C17" s="4">
        <v>18</v>
      </c>
      <c r="D17" s="4">
        <v>37</v>
      </c>
      <c r="E17" s="4">
        <v>33</v>
      </c>
      <c r="F17" s="4">
        <v>3</v>
      </c>
      <c r="G17" s="4">
        <v>91</v>
      </c>
    </row>
    <row r="18" spans="1:7" x14ac:dyDescent="0.25">
      <c r="A18" s="5" t="s">
        <v>37</v>
      </c>
      <c r="B18" s="5" t="s">
        <v>73</v>
      </c>
      <c r="C18" s="4">
        <v>19</v>
      </c>
      <c r="D18" s="4">
        <v>24</v>
      </c>
      <c r="E18" s="4">
        <v>13</v>
      </c>
      <c r="F18" s="4">
        <v>7</v>
      </c>
      <c r="G18" s="4">
        <v>63</v>
      </c>
    </row>
    <row r="19" spans="1:7" x14ac:dyDescent="0.25">
      <c r="A19" s="5" t="s">
        <v>37</v>
      </c>
      <c r="B19" s="5" t="s">
        <v>72</v>
      </c>
      <c r="C19" s="4">
        <v>34</v>
      </c>
      <c r="D19" s="4">
        <v>43</v>
      </c>
      <c r="E19" s="4">
        <v>67</v>
      </c>
      <c r="F19" s="4">
        <v>15</v>
      </c>
      <c r="G19" s="4">
        <v>159</v>
      </c>
    </row>
    <row r="20" spans="1:7" x14ac:dyDescent="0.25">
      <c r="A20" s="5" t="s">
        <v>37</v>
      </c>
      <c r="B20" s="5" t="s">
        <v>71</v>
      </c>
      <c r="C20" s="4">
        <v>20</v>
      </c>
      <c r="D20" s="4">
        <v>53</v>
      </c>
      <c r="E20" s="4">
        <v>66</v>
      </c>
      <c r="F20" s="4">
        <v>7</v>
      </c>
      <c r="G20" s="4">
        <v>146</v>
      </c>
    </row>
    <row r="21" spans="1:7" x14ac:dyDescent="0.25">
      <c r="A21" s="5" t="s">
        <v>37</v>
      </c>
      <c r="B21" s="5" t="s">
        <v>70</v>
      </c>
      <c r="C21" s="4">
        <v>51</v>
      </c>
      <c r="D21" s="4">
        <v>55</v>
      </c>
      <c r="E21" s="4">
        <v>85</v>
      </c>
      <c r="F21" s="4">
        <v>7</v>
      </c>
      <c r="G21" s="4">
        <v>198</v>
      </c>
    </row>
    <row r="22" spans="1:7" x14ac:dyDescent="0.25">
      <c r="A22" s="5" t="s">
        <v>37</v>
      </c>
      <c r="B22" s="5" t="s">
        <v>69</v>
      </c>
      <c r="C22" s="4">
        <v>36</v>
      </c>
      <c r="D22" s="4">
        <v>50</v>
      </c>
      <c r="E22" s="4">
        <v>70</v>
      </c>
      <c r="F22" s="4">
        <v>8</v>
      </c>
      <c r="G22" s="4">
        <v>164</v>
      </c>
    </row>
    <row r="23" spans="1:7" x14ac:dyDescent="0.25">
      <c r="A23" s="5" t="s">
        <v>37</v>
      </c>
      <c r="B23" s="5" t="s">
        <v>68</v>
      </c>
      <c r="C23" s="4">
        <v>197</v>
      </c>
      <c r="D23" s="4">
        <v>203</v>
      </c>
      <c r="E23" s="4">
        <v>232</v>
      </c>
      <c r="F23" s="4">
        <v>24</v>
      </c>
      <c r="G23" s="4">
        <v>656</v>
      </c>
    </row>
    <row r="24" spans="1:7" x14ac:dyDescent="0.25">
      <c r="A24" s="5" t="s">
        <v>37</v>
      </c>
      <c r="B24" s="5" t="s">
        <v>67</v>
      </c>
      <c r="C24" s="4">
        <v>149</v>
      </c>
      <c r="D24" s="4">
        <v>269</v>
      </c>
      <c r="E24" s="4">
        <v>359</v>
      </c>
      <c r="F24" s="4">
        <v>88</v>
      </c>
      <c r="G24" s="4">
        <v>865</v>
      </c>
    </row>
    <row r="25" spans="1:7" x14ac:dyDescent="0.25">
      <c r="A25" s="5" t="s">
        <v>37</v>
      </c>
      <c r="B25" s="5" t="s">
        <v>66</v>
      </c>
      <c r="C25" s="4">
        <v>85</v>
      </c>
      <c r="D25" s="4">
        <v>71</v>
      </c>
      <c r="E25" s="4">
        <v>95</v>
      </c>
      <c r="F25" s="4">
        <v>40</v>
      </c>
      <c r="G25" s="4">
        <v>291</v>
      </c>
    </row>
    <row r="26" spans="1:7" x14ac:dyDescent="0.25">
      <c r="A26" s="5" t="s">
        <v>37</v>
      </c>
      <c r="B26" s="5" t="s">
        <v>65</v>
      </c>
      <c r="C26" s="4">
        <v>210</v>
      </c>
      <c r="D26" s="4">
        <v>431</v>
      </c>
      <c r="E26" s="4">
        <v>626</v>
      </c>
      <c r="F26" s="4">
        <v>91</v>
      </c>
      <c r="G26" s="4">
        <v>1358</v>
      </c>
    </row>
    <row r="27" spans="1:7" x14ac:dyDescent="0.25">
      <c r="A27" s="5" t="s">
        <v>37</v>
      </c>
      <c r="B27" s="5" t="s">
        <v>64</v>
      </c>
      <c r="C27" s="4">
        <v>90</v>
      </c>
      <c r="D27" s="4">
        <v>122</v>
      </c>
      <c r="E27" s="4">
        <v>303</v>
      </c>
      <c r="F27" s="4">
        <v>183</v>
      </c>
      <c r="G27" s="4">
        <v>698</v>
      </c>
    </row>
    <row r="28" spans="1:7" x14ac:dyDescent="0.25">
      <c r="A28" s="5" t="s">
        <v>37</v>
      </c>
      <c r="B28" s="5" t="s">
        <v>63</v>
      </c>
      <c r="C28" s="4">
        <v>19</v>
      </c>
      <c r="D28" s="4">
        <v>45</v>
      </c>
      <c r="E28" s="4">
        <v>34</v>
      </c>
      <c r="F28" s="4">
        <v>10</v>
      </c>
      <c r="G28" s="4">
        <v>108</v>
      </c>
    </row>
    <row r="29" spans="1:7" x14ac:dyDescent="0.25">
      <c r="A29" s="5" t="s">
        <v>37</v>
      </c>
      <c r="B29" s="5" t="s">
        <v>62</v>
      </c>
      <c r="C29" s="4">
        <v>24</v>
      </c>
      <c r="D29" s="4">
        <v>21</v>
      </c>
      <c r="E29" s="4">
        <v>34</v>
      </c>
      <c r="F29" s="4">
        <v>5</v>
      </c>
      <c r="G29" s="4">
        <v>84</v>
      </c>
    </row>
    <row r="30" spans="1:7" x14ac:dyDescent="0.25">
      <c r="A30" s="5" t="s">
        <v>37</v>
      </c>
      <c r="B30" s="5" t="s">
        <v>61</v>
      </c>
      <c r="C30" s="4">
        <v>113</v>
      </c>
      <c r="D30" s="4">
        <v>143</v>
      </c>
      <c r="E30" s="4">
        <v>249</v>
      </c>
      <c r="F30" s="4">
        <v>58</v>
      </c>
      <c r="G30" s="4">
        <v>563</v>
      </c>
    </row>
    <row r="31" spans="1:7" x14ac:dyDescent="0.25">
      <c r="A31" s="5" t="s">
        <v>37</v>
      </c>
      <c r="B31" s="5" t="s">
        <v>60</v>
      </c>
      <c r="C31" s="4">
        <v>17</v>
      </c>
      <c r="D31" s="4">
        <v>22</v>
      </c>
      <c r="E31" s="4">
        <v>48</v>
      </c>
      <c r="F31" s="4">
        <v>10</v>
      </c>
      <c r="G31" s="4">
        <v>97</v>
      </c>
    </row>
    <row r="32" spans="1:7" x14ac:dyDescent="0.25">
      <c r="A32" s="5" t="s">
        <v>37</v>
      </c>
      <c r="B32" s="5" t="s">
        <v>59</v>
      </c>
      <c r="C32" s="4">
        <v>144</v>
      </c>
      <c r="D32" s="4">
        <v>259</v>
      </c>
      <c r="E32" s="4">
        <v>330</v>
      </c>
      <c r="F32" s="4">
        <v>53</v>
      </c>
      <c r="G32" s="4">
        <v>786</v>
      </c>
    </row>
    <row r="33" spans="1:7" x14ac:dyDescent="0.25">
      <c r="A33" s="5" t="s">
        <v>37</v>
      </c>
      <c r="B33" s="5" t="s">
        <v>58</v>
      </c>
      <c r="C33" s="4">
        <v>75</v>
      </c>
      <c r="D33" s="4">
        <v>84</v>
      </c>
      <c r="E33" s="4">
        <v>173</v>
      </c>
      <c r="F33" s="4">
        <v>120</v>
      </c>
      <c r="G33" s="4">
        <v>452</v>
      </c>
    </row>
    <row r="34" spans="1:7" x14ac:dyDescent="0.25">
      <c r="A34" s="5" t="s">
        <v>37</v>
      </c>
      <c r="B34" s="5" t="s">
        <v>57</v>
      </c>
      <c r="C34" s="4">
        <v>140</v>
      </c>
      <c r="D34" s="4">
        <v>182</v>
      </c>
      <c r="E34" s="4">
        <v>201</v>
      </c>
      <c r="F34" s="4">
        <v>20</v>
      </c>
      <c r="G34" s="4">
        <v>543</v>
      </c>
    </row>
    <row r="35" spans="1:7" x14ac:dyDescent="0.25">
      <c r="A35" s="5" t="s">
        <v>37</v>
      </c>
      <c r="B35" s="5" t="s">
        <v>56</v>
      </c>
      <c r="C35" s="4">
        <v>144</v>
      </c>
      <c r="D35" s="4">
        <v>166</v>
      </c>
      <c r="E35" s="4">
        <v>295</v>
      </c>
      <c r="F35" s="4">
        <v>37</v>
      </c>
      <c r="G35" s="4">
        <v>642</v>
      </c>
    </row>
    <row r="36" spans="1:7" x14ac:dyDescent="0.25">
      <c r="A36" s="5" t="s">
        <v>37</v>
      </c>
      <c r="B36" s="5" t="s">
        <v>55</v>
      </c>
      <c r="C36" s="4">
        <v>39</v>
      </c>
      <c r="D36" s="4">
        <v>37</v>
      </c>
      <c r="E36" s="4">
        <v>76</v>
      </c>
      <c r="F36" s="4">
        <v>36</v>
      </c>
      <c r="G36" s="4">
        <v>188</v>
      </c>
    </row>
    <row r="37" spans="1:7" x14ac:dyDescent="0.25">
      <c r="A37" s="5" t="s">
        <v>37</v>
      </c>
      <c r="B37" s="5" t="s">
        <v>54</v>
      </c>
      <c r="C37" s="4">
        <v>169</v>
      </c>
      <c r="D37" s="4">
        <v>230</v>
      </c>
      <c r="E37" s="4">
        <v>264</v>
      </c>
      <c r="F37" s="4">
        <v>51</v>
      </c>
      <c r="G37" s="4">
        <v>714</v>
      </c>
    </row>
    <row r="38" spans="1:7" x14ac:dyDescent="0.25">
      <c r="A38" s="5" t="s">
        <v>37</v>
      </c>
      <c r="B38" s="5" t="s">
        <v>53</v>
      </c>
      <c r="C38" s="4">
        <v>89</v>
      </c>
      <c r="D38" s="4">
        <v>136</v>
      </c>
      <c r="E38" s="4">
        <v>252</v>
      </c>
      <c r="F38" s="4">
        <v>270</v>
      </c>
      <c r="G38" s="4">
        <v>747</v>
      </c>
    </row>
    <row r="39" spans="1:7" x14ac:dyDescent="0.25">
      <c r="A39" s="5" t="s">
        <v>37</v>
      </c>
      <c r="B39" s="5" t="s">
        <v>52</v>
      </c>
      <c r="C39" s="4">
        <v>36</v>
      </c>
      <c r="D39" s="4">
        <v>51</v>
      </c>
      <c r="E39" s="4">
        <v>70</v>
      </c>
      <c r="F39" s="4">
        <v>21</v>
      </c>
      <c r="G39" s="4">
        <v>178</v>
      </c>
    </row>
    <row r="40" spans="1:7" x14ac:dyDescent="0.25">
      <c r="A40" s="5" t="s">
        <v>37</v>
      </c>
      <c r="B40" s="5" t="s">
        <v>51</v>
      </c>
      <c r="C40" s="4">
        <v>113</v>
      </c>
      <c r="D40" s="4">
        <v>207</v>
      </c>
      <c r="E40" s="4">
        <v>437</v>
      </c>
      <c r="F40" s="4">
        <v>113</v>
      </c>
      <c r="G40" s="4">
        <v>870</v>
      </c>
    </row>
    <row r="41" spans="1:7" x14ac:dyDescent="0.25">
      <c r="A41" s="5" t="s">
        <v>37</v>
      </c>
      <c r="B41" s="5" t="s">
        <v>50</v>
      </c>
      <c r="C41" s="4">
        <v>18</v>
      </c>
      <c r="D41" s="4">
        <v>50</v>
      </c>
      <c r="E41" s="4">
        <v>66</v>
      </c>
      <c r="F41" s="4">
        <v>4</v>
      </c>
      <c r="G41" s="4">
        <v>138</v>
      </c>
    </row>
    <row r="42" spans="1:7" x14ac:dyDescent="0.25">
      <c r="A42" s="5" t="s">
        <v>37</v>
      </c>
      <c r="B42" s="5" t="s">
        <v>49</v>
      </c>
      <c r="C42" s="4">
        <v>34</v>
      </c>
      <c r="D42" s="4">
        <v>120</v>
      </c>
      <c r="E42" s="4">
        <v>187</v>
      </c>
      <c r="F42" s="4">
        <v>16</v>
      </c>
      <c r="G42" s="4">
        <v>357</v>
      </c>
    </row>
    <row r="43" spans="1:7" x14ac:dyDescent="0.25">
      <c r="A43" s="5" t="s">
        <v>37</v>
      </c>
      <c r="B43" s="5" t="s">
        <v>48</v>
      </c>
      <c r="C43" s="4">
        <v>44</v>
      </c>
      <c r="D43" s="4">
        <v>84</v>
      </c>
      <c r="E43" s="4">
        <v>111</v>
      </c>
      <c r="F43" s="4">
        <v>6</v>
      </c>
      <c r="G43" s="4">
        <v>245</v>
      </c>
    </row>
    <row r="44" spans="1:7" x14ac:dyDescent="0.25">
      <c r="A44" s="5" t="s">
        <v>37</v>
      </c>
      <c r="B44" s="5" t="s">
        <v>47</v>
      </c>
      <c r="C44" s="4">
        <v>11</v>
      </c>
      <c r="D44" s="4">
        <v>18</v>
      </c>
      <c r="E44" s="4">
        <v>35</v>
      </c>
      <c r="F44" s="4">
        <v>2</v>
      </c>
      <c r="G44" s="4">
        <v>66</v>
      </c>
    </row>
    <row r="45" spans="1:7" x14ac:dyDescent="0.25">
      <c r="A45" s="5" t="s">
        <v>37</v>
      </c>
      <c r="B45" s="5" t="s">
        <v>46</v>
      </c>
      <c r="C45" s="4">
        <v>102</v>
      </c>
      <c r="D45" s="4">
        <v>173</v>
      </c>
      <c r="E45" s="4">
        <v>281</v>
      </c>
      <c r="F45" s="4">
        <v>49</v>
      </c>
      <c r="G45" s="4">
        <v>605</v>
      </c>
    </row>
    <row r="46" spans="1:7" x14ac:dyDescent="0.25">
      <c r="A46" s="5" t="s">
        <v>37</v>
      </c>
      <c r="B46" s="5" t="s">
        <v>45</v>
      </c>
      <c r="C46" s="4">
        <v>48</v>
      </c>
      <c r="D46" s="4">
        <v>102</v>
      </c>
      <c r="E46" s="4">
        <v>162</v>
      </c>
      <c r="F46" s="4">
        <v>14</v>
      </c>
      <c r="G46" s="4">
        <v>326</v>
      </c>
    </row>
    <row r="47" spans="1:7" x14ac:dyDescent="0.25">
      <c r="A47" s="5" t="s">
        <v>37</v>
      </c>
      <c r="B47" s="5" t="s">
        <v>44</v>
      </c>
      <c r="C47" s="4">
        <v>45</v>
      </c>
      <c r="D47" s="4">
        <v>101</v>
      </c>
      <c r="E47" s="4">
        <v>100</v>
      </c>
      <c r="F47" s="4">
        <v>17</v>
      </c>
      <c r="G47" s="4">
        <v>263</v>
      </c>
    </row>
    <row r="48" spans="1:7" x14ac:dyDescent="0.25">
      <c r="A48" s="5" t="s">
        <v>37</v>
      </c>
      <c r="B48" s="5" t="s">
        <v>43</v>
      </c>
      <c r="C48" s="4">
        <v>25</v>
      </c>
      <c r="D48" s="4">
        <v>35</v>
      </c>
      <c r="E48" s="4">
        <v>43</v>
      </c>
      <c r="F48" s="4">
        <v>5</v>
      </c>
      <c r="G48" s="4">
        <v>108</v>
      </c>
    </row>
    <row r="49" spans="1:7" x14ac:dyDescent="0.25">
      <c r="A49" s="5" t="s">
        <v>37</v>
      </c>
      <c r="B49" s="5" t="s">
        <v>42</v>
      </c>
      <c r="C49" s="4">
        <v>73</v>
      </c>
      <c r="D49" s="4">
        <v>116</v>
      </c>
      <c r="E49" s="4">
        <v>251</v>
      </c>
      <c r="F49" s="4">
        <v>74</v>
      </c>
      <c r="G49" s="4">
        <v>514</v>
      </c>
    </row>
    <row r="50" spans="1:7" x14ac:dyDescent="0.25">
      <c r="A50" s="5" t="s">
        <v>37</v>
      </c>
      <c r="B50" s="5" t="s">
        <v>41</v>
      </c>
      <c r="C50" s="4">
        <v>23</v>
      </c>
      <c r="D50" s="4">
        <v>25</v>
      </c>
      <c r="E50" s="4">
        <v>46</v>
      </c>
      <c r="F50" s="4"/>
      <c r="G50" s="4">
        <v>94</v>
      </c>
    </row>
    <row r="51" spans="1:7" x14ac:dyDescent="0.25">
      <c r="A51" s="5" t="s">
        <v>37</v>
      </c>
      <c r="B51" s="5" t="s">
        <v>40</v>
      </c>
      <c r="C51" s="4">
        <v>102</v>
      </c>
      <c r="D51" s="4">
        <v>134</v>
      </c>
      <c r="E51" s="4">
        <v>306</v>
      </c>
      <c r="F51" s="4">
        <v>60</v>
      </c>
      <c r="G51" s="4">
        <v>602</v>
      </c>
    </row>
    <row r="52" spans="1:7" x14ac:dyDescent="0.25">
      <c r="A52" s="5" t="s">
        <v>37</v>
      </c>
      <c r="B52" s="5" t="s">
        <v>39</v>
      </c>
      <c r="C52" s="4">
        <v>70</v>
      </c>
      <c r="D52" s="4">
        <v>74</v>
      </c>
      <c r="E52" s="4">
        <v>114</v>
      </c>
      <c r="F52" s="4">
        <v>18</v>
      </c>
      <c r="G52" s="4">
        <v>276</v>
      </c>
    </row>
    <row r="53" spans="1:7" x14ac:dyDescent="0.25">
      <c r="A53" s="5" t="s">
        <v>37</v>
      </c>
      <c r="B53" s="5" t="s">
        <v>38</v>
      </c>
      <c r="C53" s="4">
        <v>88</v>
      </c>
      <c r="D53" s="4">
        <v>219</v>
      </c>
      <c r="E53" s="4">
        <v>274</v>
      </c>
      <c r="F53" s="4">
        <v>55</v>
      </c>
      <c r="G53" s="4">
        <v>636</v>
      </c>
    </row>
    <row r="54" spans="1:7" x14ac:dyDescent="0.25">
      <c r="A54" s="5" t="s">
        <v>37</v>
      </c>
      <c r="B54" s="5" t="s">
        <v>36</v>
      </c>
      <c r="C54" s="4">
        <v>100</v>
      </c>
      <c r="D54" s="4">
        <v>119</v>
      </c>
      <c r="E54" s="4">
        <v>170</v>
      </c>
      <c r="F54" s="4">
        <v>275</v>
      </c>
      <c r="G54" s="4">
        <v>664</v>
      </c>
    </row>
    <row r="55" spans="1:7" x14ac:dyDescent="0.25">
      <c r="A55" s="5" t="s">
        <v>30</v>
      </c>
      <c r="B55" s="5" t="s">
        <v>35</v>
      </c>
      <c r="C55" s="4">
        <v>13</v>
      </c>
      <c r="D55" s="4">
        <v>34</v>
      </c>
      <c r="E55" s="4">
        <v>39</v>
      </c>
      <c r="F55" s="4">
        <v>4</v>
      </c>
      <c r="G55" s="4">
        <v>90</v>
      </c>
    </row>
    <row r="56" spans="1:7" x14ac:dyDescent="0.25">
      <c r="A56" s="5" t="s">
        <v>30</v>
      </c>
      <c r="B56" s="5" t="s">
        <v>34</v>
      </c>
      <c r="C56" s="4">
        <v>24</v>
      </c>
      <c r="D56" s="4">
        <v>34</v>
      </c>
      <c r="E56" s="4">
        <v>15</v>
      </c>
      <c r="F56" s="4">
        <v>1</v>
      </c>
      <c r="G56" s="4">
        <v>74</v>
      </c>
    </row>
    <row r="57" spans="1:7" x14ac:dyDescent="0.25">
      <c r="A57" s="5" t="s">
        <v>30</v>
      </c>
      <c r="B57" s="5" t="s">
        <v>33</v>
      </c>
      <c r="C57" s="4">
        <v>11</v>
      </c>
      <c r="D57" s="4">
        <v>35</v>
      </c>
      <c r="E57" s="4">
        <v>34</v>
      </c>
      <c r="F57" s="4">
        <v>4</v>
      </c>
      <c r="G57" s="4">
        <v>84</v>
      </c>
    </row>
    <row r="58" spans="1:7" x14ac:dyDescent="0.25">
      <c r="A58" s="5" t="s">
        <v>30</v>
      </c>
      <c r="B58" s="5" t="s">
        <v>32</v>
      </c>
      <c r="C58" s="4">
        <v>4</v>
      </c>
      <c r="D58" s="4">
        <v>9</v>
      </c>
      <c r="E58" s="4">
        <v>14</v>
      </c>
      <c r="F58" s="4">
        <v>1</v>
      </c>
      <c r="G58" s="4">
        <v>28</v>
      </c>
    </row>
    <row r="59" spans="1:7" x14ac:dyDescent="0.25">
      <c r="A59" s="5" t="s">
        <v>30</v>
      </c>
      <c r="B59" s="5" t="s">
        <v>31</v>
      </c>
      <c r="C59" s="4">
        <v>7</v>
      </c>
      <c r="D59" s="4">
        <v>20</v>
      </c>
      <c r="E59" s="4">
        <v>22</v>
      </c>
      <c r="F59" s="4">
        <v>5</v>
      </c>
      <c r="G59" s="4">
        <v>54</v>
      </c>
    </row>
    <row r="60" spans="1:7" x14ac:dyDescent="0.25">
      <c r="A60" s="5" t="s">
        <v>30</v>
      </c>
      <c r="B60" s="5" t="s">
        <v>29</v>
      </c>
      <c r="C60" s="4">
        <v>11</v>
      </c>
      <c r="D60" s="4">
        <v>21</v>
      </c>
      <c r="E60" s="4">
        <v>27</v>
      </c>
      <c r="F60" s="4">
        <v>2</v>
      </c>
      <c r="G60" s="4">
        <v>61</v>
      </c>
    </row>
    <row r="61" spans="1:7" x14ac:dyDescent="0.25">
      <c r="A61" s="5" t="s">
        <v>1</v>
      </c>
      <c r="B61" s="5" t="s">
        <v>28</v>
      </c>
      <c r="C61" s="4">
        <v>10</v>
      </c>
      <c r="D61" s="4">
        <v>15</v>
      </c>
      <c r="E61" s="4">
        <v>31</v>
      </c>
      <c r="F61" s="4">
        <v>15</v>
      </c>
      <c r="G61" s="4">
        <v>71</v>
      </c>
    </row>
    <row r="62" spans="1:7" x14ac:dyDescent="0.25">
      <c r="A62" s="5" t="s">
        <v>1</v>
      </c>
      <c r="B62" s="5" t="s">
        <v>27</v>
      </c>
      <c r="C62" s="4">
        <v>45</v>
      </c>
      <c r="D62" s="4">
        <v>133</v>
      </c>
      <c r="E62" s="4">
        <v>136</v>
      </c>
      <c r="F62" s="4">
        <v>11</v>
      </c>
      <c r="G62" s="4">
        <v>325</v>
      </c>
    </row>
    <row r="63" spans="1:7" x14ac:dyDescent="0.25">
      <c r="A63" s="5" t="s">
        <v>1</v>
      </c>
      <c r="B63" s="5" t="s">
        <v>26</v>
      </c>
      <c r="C63" s="4">
        <v>14</v>
      </c>
      <c r="D63" s="4">
        <v>8</v>
      </c>
      <c r="E63" s="4">
        <v>31</v>
      </c>
      <c r="F63" s="4"/>
      <c r="G63" s="4">
        <v>53</v>
      </c>
    </row>
    <row r="64" spans="1:7" x14ac:dyDescent="0.25">
      <c r="A64" s="5" t="s">
        <v>1</v>
      </c>
      <c r="B64" s="5" t="s">
        <v>25</v>
      </c>
      <c r="C64" s="4">
        <v>16</v>
      </c>
      <c r="D64" s="4">
        <v>30</v>
      </c>
      <c r="E64" s="4">
        <v>44</v>
      </c>
      <c r="F64" s="4">
        <v>2</v>
      </c>
      <c r="G64" s="4">
        <v>92</v>
      </c>
    </row>
    <row r="65" spans="1:7" x14ac:dyDescent="0.25">
      <c r="A65" s="5" t="s">
        <v>1</v>
      </c>
      <c r="B65" s="5" t="s">
        <v>24</v>
      </c>
      <c r="C65" s="4">
        <v>1</v>
      </c>
      <c r="D65" s="4">
        <v>10</v>
      </c>
      <c r="E65" s="4">
        <v>12</v>
      </c>
      <c r="F65" s="4">
        <v>5</v>
      </c>
      <c r="G65" s="4">
        <v>28</v>
      </c>
    </row>
    <row r="66" spans="1:7" x14ac:dyDescent="0.25">
      <c r="A66" s="5" t="s">
        <v>1</v>
      </c>
      <c r="B66" s="5" t="s">
        <v>23</v>
      </c>
      <c r="C66" s="4">
        <v>12</v>
      </c>
      <c r="D66" s="4">
        <v>23</v>
      </c>
      <c r="E66" s="4">
        <v>34</v>
      </c>
      <c r="F66" s="4">
        <v>7</v>
      </c>
      <c r="G66" s="4">
        <v>76</v>
      </c>
    </row>
    <row r="67" spans="1:7" x14ac:dyDescent="0.25">
      <c r="A67" s="5" t="s">
        <v>1</v>
      </c>
      <c r="B67" s="5" t="s">
        <v>22</v>
      </c>
      <c r="C67" s="4"/>
      <c r="D67" s="4">
        <v>6</v>
      </c>
      <c r="E67" s="4">
        <v>9</v>
      </c>
      <c r="F67" s="4">
        <v>1</v>
      </c>
      <c r="G67" s="4">
        <v>16</v>
      </c>
    </row>
    <row r="68" spans="1:7" x14ac:dyDescent="0.25">
      <c r="A68" s="5" t="s">
        <v>1</v>
      </c>
      <c r="B68" s="5" t="s">
        <v>21</v>
      </c>
      <c r="C68" s="4">
        <v>7</v>
      </c>
      <c r="D68" s="4">
        <v>14</v>
      </c>
      <c r="E68" s="4">
        <v>22</v>
      </c>
      <c r="F68" s="4">
        <v>4</v>
      </c>
      <c r="G68" s="4">
        <v>47</v>
      </c>
    </row>
    <row r="69" spans="1:7" x14ac:dyDescent="0.25">
      <c r="A69" s="5" t="s">
        <v>1</v>
      </c>
      <c r="B69" s="5" t="s">
        <v>20</v>
      </c>
      <c r="C69" s="4">
        <v>1</v>
      </c>
      <c r="D69" s="4">
        <v>3</v>
      </c>
      <c r="E69" s="4">
        <v>8</v>
      </c>
      <c r="F69" s="4"/>
      <c r="G69" s="4">
        <v>12</v>
      </c>
    </row>
    <row r="70" spans="1:7" x14ac:dyDescent="0.25">
      <c r="A70" s="5" t="s">
        <v>1</v>
      </c>
      <c r="B70" s="5" t="s">
        <v>19</v>
      </c>
      <c r="C70" s="4">
        <v>11</v>
      </c>
      <c r="D70" s="4">
        <v>20</v>
      </c>
      <c r="E70" s="4">
        <v>31</v>
      </c>
      <c r="F70" s="4">
        <v>2</v>
      </c>
      <c r="G70" s="4">
        <v>64</v>
      </c>
    </row>
    <row r="71" spans="1:7" x14ac:dyDescent="0.25">
      <c r="A71" s="5" t="s">
        <v>1</v>
      </c>
      <c r="B71" s="5" t="s">
        <v>18</v>
      </c>
      <c r="C71" s="4">
        <v>8</v>
      </c>
      <c r="D71" s="4">
        <v>11</v>
      </c>
      <c r="E71" s="4">
        <v>32</v>
      </c>
      <c r="F71" s="4">
        <v>1</v>
      </c>
      <c r="G71" s="4">
        <v>52</v>
      </c>
    </row>
    <row r="72" spans="1:7" x14ac:dyDescent="0.25">
      <c r="A72" s="5" t="s">
        <v>1</v>
      </c>
      <c r="B72" s="5" t="s">
        <v>17</v>
      </c>
      <c r="C72" s="4">
        <v>2</v>
      </c>
      <c r="D72" s="4">
        <v>1</v>
      </c>
      <c r="E72" s="4">
        <v>5</v>
      </c>
      <c r="F72" s="4">
        <v>1</v>
      </c>
      <c r="G72" s="4">
        <v>9</v>
      </c>
    </row>
    <row r="73" spans="1:7" x14ac:dyDescent="0.25">
      <c r="A73" s="5" t="s">
        <v>1</v>
      </c>
      <c r="B73" s="5" t="s">
        <v>16</v>
      </c>
      <c r="C73" s="4">
        <v>6</v>
      </c>
      <c r="D73" s="4">
        <v>3</v>
      </c>
      <c r="E73" s="4">
        <v>4</v>
      </c>
      <c r="F73" s="4"/>
      <c r="G73" s="4">
        <v>13</v>
      </c>
    </row>
    <row r="74" spans="1:7" x14ac:dyDescent="0.25">
      <c r="A74" s="5" t="s">
        <v>1</v>
      </c>
      <c r="B74" s="5" t="s">
        <v>15</v>
      </c>
      <c r="C74" s="4">
        <v>19</v>
      </c>
      <c r="D74" s="4">
        <v>44</v>
      </c>
      <c r="E74" s="4">
        <v>126</v>
      </c>
      <c r="F74" s="4">
        <v>3</v>
      </c>
      <c r="G74" s="4">
        <v>192</v>
      </c>
    </row>
    <row r="75" spans="1:7" x14ac:dyDescent="0.25">
      <c r="A75" s="5" t="s">
        <v>1</v>
      </c>
      <c r="B75" s="5" t="s">
        <v>14</v>
      </c>
      <c r="C75" s="4">
        <v>3</v>
      </c>
      <c r="D75" s="4">
        <v>6</v>
      </c>
      <c r="E75" s="4">
        <v>2</v>
      </c>
      <c r="F75" s="4">
        <v>1</v>
      </c>
      <c r="G75" s="4">
        <v>12</v>
      </c>
    </row>
    <row r="76" spans="1:7" x14ac:dyDescent="0.25">
      <c r="A76" s="5" t="s">
        <v>1</v>
      </c>
      <c r="B76" s="5" t="s">
        <v>13</v>
      </c>
      <c r="C76" s="4">
        <v>13</v>
      </c>
      <c r="D76" s="4">
        <v>19</v>
      </c>
      <c r="E76" s="4">
        <v>30</v>
      </c>
      <c r="F76" s="4">
        <v>1</v>
      </c>
      <c r="G76" s="4">
        <v>63</v>
      </c>
    </row>
    <row r="77" spans="1:7" x14ac:dyDescent="0.25">
      <c r="A77" s="5" t="s">
        <v>1</v>
      </c>
      <c r="B77" s="5" t="s">
        <v>12</v>
      </c>
      <c r="C77" s="4">
        <v>4</v>
      </c>
      <c r="D77" s="4">
        <v>9</v>
      </c>
      <c r="E77" s="4">
        <v>18</v>
      </c>
      <c r="F77" s="4"/>
      <c r="G77" s="4">
        <v>31</v>
      </c>
    </row>
    <row r="78" spans="1:7" x14ac:dyDescent="0.25">
      <c r="A78" s="5" t="s">
        <v>1</v>
      </c>
      <c r="B78" s="5" t="s">
        <v>11</v>
      </c>
      <c r="C78" s="4">
        <v>26</v>
      </c>
      <c r="D78" s="4">
        <v>35</v>
      </c>
      <c r="E78" s="4">
        <v>42</v>
      </c>
      <c r="F78" s="4">
        <v>18</v>
      </c>
      <c r="G78" s="4">
        <v>121</v>
      </c>
    </row>
    <row r="79" spans="1:7" x14ac:dyDescent="0.25">
      <c r="A79" s="5" t="s">
        <v>1</v>
      </c>
      <c r="B79" s="5" t="s">
        <v>10</v>
      </c>
      <c r="C79" s="4">
        <v>1</v>
      </c>
      <c r="D79" s="4">
        <v>5</v>
      </c>
      <c r="E79" s="4">
        <v>9</v>
      </c>
      <c r="F79" s="4"/>
      <c r="G79" s="4">
        <v>15</v>
      </c>
    </row>
    <row r="80" spans="1:7" x14ac:dyDescent="0.25">
      <c r="A80" s="5" t="s">
        <v>1</v>
      </c>
      <c r="B80" s="5" t="s">
        <v>9</v>
      </c>
      <c r="C80" s="4">
        <v>6</v>
      </c>
      <c r="D80" s="4">
        <v>22</v>
      </c>
      <c r="E80" s="4">
        <v>18</v>
      </c>
      <c r="F80" s="4"/>
      <c r="G80" s="4">
        <v>46</v>
      </c>
    </row>
    <row r="81" spans="1:7" x14ac:dyDescent="0.25">
      <c r="A81" s="5" t="s">
        <v>1</v>
      </c>
      <c r="B81" s="5" t="s">
        <v>8</v>
      </c>
      <c r="C81" s="4">
        <v>3</v>
      </c>
      <c r="D81" s="4">
        <v>5</v>
      </c>
      <c r="E81" s="4">
        <v>9</v>
      </c>
      <c r="F81" s="4"/>
      <c r="G81" s="4">
        <v>17</v>
      </c>
    </row>
    <row r="82" spans="1:7" x14ac:dyDescent="0.25">
      <c r="A82" s="5" t="s">
        <v>1</v>
      </c>
      <c r="B82" s="5" t="s">
        <v>7</v>
      </c>
      <c r="C82" s="4">
        <v>2</v>
      </c>
      <c r="D82" s="4">
        <v>6</v>
      </c>
      <c r="E82" s="4">
        <v>9</v>
      </c>
      <c r="F82" s="4">
        <v>1</v>
      </c>
      <c r="G82" s="4">
        <v>18</v>
      </c>
    </row>
    <row r="83" spans="1:7" x14ac:dyDescent="0.25">
      <c r="A83" s="5" t="s">
        <v>1</v>
      </c>
      <c r="B83" s="5" t="s">
        <v>6</v>
      </c>
      <c r="C83" s="4">
        <v>7</v>
      </c>
      <c r="D83" s="4">
        <v>15</v>
      </c>
      <c r="E83" s="4">
        <v>17</v>
      </c>
      <c r="F83" s="4">
        <v>1</v>
      </c>
      <c r="G83" s="4">
        <v>40</v>
      </c>
    </row>
    <row r="84" spans="1:7" x14ac:dyDescent="0.25">
      <c r="A84" s="5" t="s">
        <v>1</v>
      </c>
      <c r="B84" s="5" t="s">
        <v>5</v>
      </c>
      <c r="C84" s="4">
        <v>32</v>
      </c>
      <c r="D84" s="4">
        <v>74</v>
      </c>
      <c r="E84" s="4">
        <v>88</v>
      </c>
      <c r="F84" s="4">
        <v>31</v>
      </c>
      <c r="G84" s="4">
        <v>225</v>
      </c>
    </row>
    <row r="85" spans="1:7" x14ac:dyDescent="0.25">
      <c r="A85" s="5" t="s">
        <v>1</v>
      </c>
      <c r="B85" s="5" t="s">
        <v>4</v>
      </c>
      <c r="C85" s="4">
        <v>17</v>
      </c>
      <c r="D85" s="4">
        <v>47</v>
      </c>
      <c r="E85" s="4">
        <v>42</v>
      </c>
      <c r="F85" s="4">
        <v>4</v>
      </c>
      <c r="G85" s="4">
        <v>110</v>
      </c>
    </row>
    <row r="86" spans="1:7" x14ac:dyDescent="0.25">
      <c r="A86" s="5" t="s">
        <v>1</v>
      </c>
      <c r="B86" s="5" t="s">
        <v>3</v>
      </c>
      <c r="C86" s="4">
        <v>16</v>
      </c>
      <c r="D86" s="4">
        <v>38</v>
      </c>
      <c r="E86" s="4">
        <v>49</v>
      </c>
      <c r="F86" s="4">
        <v>12</v>
      </c>
      <c r="G86" s="4">
        <v>115</v>
      </c>
    </row>
    <row r="87" spans="1:7" x14ac:dyDescent="0.25">
      <c r="A87" s="5" t="s">
        <v>1</v>
      </c>
      <c r="B87" s="5" t="s">
        <v>2</v>
      </c>
      <c r="C87" s="4"/>
      <c r="D87" s="4">
        <v>5</v>
      </c>
      <c r="E87" s="4">
        <v>6</v>
      </c>
      <c r="F87" s="4"/>
      <c r="G87" s="4">
        <v>11</v>
      </c>
    </row>
    <row r="88" spans="1:7" x14ac:dyDescent="0.25">
      <c r="A88" s="5" t="s">
        <v>1</v>
      </c>
      <c r="B88" s="5" t="s">
        <v>0</v>
      </c>
      <c r="C88" s="4">
        <v>1</v>
      </c>
      <c r="D88" s="4">
        <v>1</v>
      </c>
      <c r="E88" s="4">
        <v>5</v>
      </c>
      <c r="F88" s="4"/>
      <c r="G88" s="4">
        <v>7</v>
      </c>
    </row>
    <row r="655" spans="1:1" x14ac:dyDescent="0.25">
      <c r="A655" s="3"/>
    </row>
    <row r="656" spans="1:1" x14ac:dyDescent="0.25">
      <c r="A656" s="3"/>
    </row>
    <row r="657" spans="1:1" x14ac:dyDescent="0.25">
      <c r="A657" s="3"/>
    </row>
    <row r="658" spans="1:1" x14ac:dyDescent="0.25">
      <c r="A658" s="3"/>
    </row>
    <row r="659" spans="1:1" x14ac:dyDescent="0.25">
      <c r="A659" s="3"/>
    </row>
    <row r="660" spans="1:1" x14ac:dyDescent="0.25">
      <c r="A660" s="3"/>
    </row>
    <row r="661" spans="1:1" x14ac:dyDescent="0.25">
      <c r="A661" s="3"/>
    </row>
    <row r="662" spans="1:1" x14ac:dyDescent="0.25">
      <c r="A662" s="3"/>
    </row>
    <row r="663" spans="1:1" x14ac:dyDescent="0.25">
      <c r="A663" s="3"/>
    </row>
    <row r="664" spans="1:1" x14ac:dyDescent="0.25">
      <c r="A664" s="3"/>
    </row>
    <row r="665" spans="1:1" x14ac:dyDescent="0.25">
      <c r="A665" s="3"/>
    </row>
    <row r="666" spans="1:1" x14ac:dyDescent="0.25">
      <c r="A666" s="3"/>
    </row>
    <row r="667" spans="1:1" x14ac:dyDescent="0.25">
      <c r="A667" s="3"/>
    </row>
    <row r="668" spans="1:1" x14ac:dyDescent="0.25">
      <c r="A668" s="3"/>
    </row>
    <row r="669" spans="1:1" x14ac:dyDescent="0.25">
      <c r="A669" s="3"/>
    </row>
    <row r="670" spans="1:1" x14ac:dyDescent="0.25">
      <c r="A670" s="3"/>
    </row>
    <row r="671" spans="1:1" x14ac:dyDescent="0.25">
      <c r="A671" s="3"/>
    </row>
    <row r="672" spans="1:1" x14ac:dyDescent="0.25">
      <c r="A672" s="3"/>
    </row>
    <row r="673" spans="1:1" x14ac:dyDescent="0.25">
      <c r="A673" s="3"/>
    </row>
    <row r="674" spans="1:1" x14ac:dyDescent="0.25">
      <c r="A674" s="3"/>
    </row>
    <row r="675" spans="1:1" x14ac:dyDescent="0.25">
      <c r="A675" s="3"/>
    </row>
    <row r="676" spans="1:1" x14ac:dyDescent="0.25">
      <c r="A676" s="3"/>
    </row>
    <row r="677" spans="1:1" x14ac:dyDescent="0.25">
      <c r="A677" s="3"/>
    </row>
    <row r="678" spans="1:1" x14ac:dyDescent="0.25">
      <c r="A678" s="3"/>
    </row>
    <row r="679" spans="1:1" x14ac:dyDescent="0.25">
      <c r="A679" s="3"/>
    </row>
    <row r="680" spans="1:1" x14ac:dyDescent="0.25">
      <c r="A680" s="3"/>
    </row>
    <row r="681" spans="1:1" x14ac:dyDescent="0.25">
      <c r="A681" s="3"/>
    </row>
    <row r="682" spans="1:1" x14ac:dyDescent="0.25">
      <c r="A682" s="3"/>
    </row>
    <row r="683" spans="1:1" x14ac:dyDescent="0.25">
      <c r="A683" s="3"/>
    </row>
    <row r="684" spans="1:1" x14ac:dyDescent="0.25">
      <c r="A684" s="3"/>
    </row>
    <row r="685" spans="1:1" x14ac:dyDescent="0.25">
      <c r="A685" s="3"/>
    </row>
    <row r="686" spans="1:1" x14ac:dyDescent="0.25">
      <c r="A686" s="3"/>
    </row>
    <row r="687" spans="1:1" x14ac:dyDescent="0.25">
      <c r="A687" s="3"/>
    </row>
    <row r="688" spans="1:1" x14ac:dyDescent="0.25">
      <c r="A688" s="3"/>
    </row>
    <row r="689" spans="1:1" x14ac:dyDescent="0.25">
      <c r="A689" s="3"/>
    </row>
    <row r="690" spans="1:1" x14ac:dyDescent="0.25">
      <c r="A690" s="3"/>
    </row>
    <row r="691" spans="1:1" x14ac:dyDescent="0.25">
      <c r="A691" s="3"/>
    </row>
    <row r="692" spans="1:1" x14ac:dyDescent="0.25">
      <c r="A692" s="3"/>
    </row>
    <row r="693" spans="1:1" x14ac:dyDescent="0.25">
      <c r="A693" s="3"/>
    </row>
    <row r="694" spans="1:1" x14ac:dyDescent="0.25">
      <c r="A694" s="3"/>
    </row>
    <row r="695" spans="1:1" x14ac:dyDescent="0.25">
      <c r="A695" s="3"/>
    </row>
    <row r="696" spans="1:1" x14ac:dyDescent="0.25">
      <c r="A696" s="3"/>
    </row>
    <row r="697" spans="1:1" x14ac:dyDescent="0.25">
      <c r="A697" s="3"/>
    </row>
    <row r="698" spans="1:1" x14ac:dyDescent="0.25">
      <c r="A698" s="3"/>
    </row>
    <row r="699" spans="1:1" x14ac:dyDescent="0.25">
      <c r="A699" s="3"/>
    </row>
    <row r="700" spans="1:1" x14ac:dyDescent="0.25">
      <c r="A700" s="3"/>
    </row>
    <row r="701" spans="1:1" x14ac:dyDescent="0.25">
      <c r="A701" s="3"/>
    </row>
    <row r="702" spans="1:1" x14ac:dyDescent="0.25">
      <c r="A702" s="3"/>
    </row>
    <row r="703" spans="1:1" x14ac:dyDescent="0.25">
      <c r="A703" s="3"/>
    </row>
    <row r="704" spans="1:1" x14ac:dyDescent="0.25">
      <c r="A704" s="3"/>
    </row>
    <row r="705" spans="1:1" x14ac:dyDescent="0.25">
      <c r="A705" s="3"/>
    </row>
    <row r="706" spans="1:1" x14ac:dyDescent="0.25">
      <c r="A706" s="3"/>
    </row>
    <row r="707" spans="1:1" x14ac:dyDescent="0.25">
      <c r="A707" s="3"/>
    </row>
    <row r="708" spans="1:1" x14ac:dyDescent="0.25">
      <c r="A708" s="3"/>
    </row>
    <row r="709" spans="1:1" x14ac:dyDescent="0.25">
      <c r="A709" s="3"/>
    </row>
    <row r="710" spans="1:1" x14ac:dyDescent="0.25">
      <c r="A710" s="3"/>
    </row>
    <row r="711" spans="1:1" x14ac:dyDescent="0.25">
      <c r="A711" s="3"/>
    </row>
    <row r="712" spans="1:1" x14ac:dyDescent="0.25">
      <c r="A712" s="3"/>
    </row>
    <row r="713" spans="1:1" x14ac:dyDescent="0.25">
      <c r="A713" s="3"/>
    </row>
    <row r="714" spans="1:1" x14ac:dyDescent="0.25">
      <c r="A714" s="3"/>
    </row>
    <row r="715" spans="1:1" x14ac:dyDescent="0.25">
      <c r="A715" s="3"/>
    </row>
    <row r="716" spans="1:1" x14ac:dyDescent="0.25">
      <c r="A716" s="3"/>
    </row>
  </sheetData>
  <mergeCells count="1">
    <mergeCell ref="A1:B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ERSONAL_DIDACTIC_TITULAR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laudia Teodorescu</dc:creator>
  <cp:lastModifiedBy>Claudia Teodorescu</cp:lastModifiedBy>
  <dcterms:created xsi:type="dcterms:W3CDTF">2020-11-26T17:54:34Z</dcterms:created>
  <dcterms:modified xsi:type="dcterms:W3CDTF">2020-11-26T17:56:32Z</dcterms:modified>
</cp:coreProperties>
</file>